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6327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660830283\Downloads\"/>
    </mc:Choice>
  </mc:AlternateContent>
  <xr:revisionPtr revIDLastSave="0" documentId="13_ncr:1_{25623F68-AB1A-4FE9-908D-07F98492E07B}" xr6:coauthVersionLast="47" xr6:coauthVersionMax="47" xr10:uidLastSave="{00000000-0000-0000-0000-000000000000}"/>
  <bookViews>
    <workbookView xWindow="-120" yWindow="-120" windowWidth="29040" windowHeight="15840" activeTab="1" xr2:uid="{00000000-000D-0000-FFFF-FFFF00000000}"/>
  </bookViews>
  <sheets>
    <sheet name="fev2023_cargo_classe_regional" sheetId="1" r:id="rId1"/>
    <sheet name="fev2023_cargo_plano_regional" sheetId="2" r:id="rId2"/>
  </sheets>
  <calcPr calcId="124519"/>
</workbook>
</file>

<file path=xl/sharedStrings.xml><?xml version="1.0" encoding="utf-8"?>
<sst xmlns="http://schemas.openxmlformats.org/spreadsheetml/2006/main" count="137" uniqueCount="32">
  <si>
    <t>Competência</t>
  </si>
  <si>
    <t>Cargo</t>
  </si>
  <si>
    <t>Plano de Cargos</t>
  </si>
  <si>
    <t>Classe</t>
  </si>
  <si>
    <t>Regional</t>
  </si>
  <si>
    <t>BHE</t>
  </si>
  <si>
    <t>BLM</t>
  </si>
  <si>
    <t>BSA</t>
  </si>
  <si>
    <t>CTA</t>
  </si>
  <si>
    <t>FLA</t>
  </si>
  <si>
    <t>FNS</t>
  </si>
  <si>
    <t>PAE</t>
  </si>
  <si>
    <t>RCE</t>
  </si>
  <si>
    <t>RJO</t>
  </si>
  <si>
    <t>SDR</t>
  </si>
  <si>
    <t>SEDE</t>
  </si>
  <si>
    <t>SPO</t>
  </si>
  <si>
    <t>Totais</t>
  </si>
  <si>
    <t>ANALISTA</t>
  </si>
  <si>
    <t>PGCS</t>
  </si>
  <si>
    <t>CLASSE 1 - PGCS</t>
  </si>
  <si>
    <t>CLASSE 2 - PGCS</t>
  </si>
  <si>
    <t>CLASSE 3 - PGCS</t>
  </si>
  <si>
    <t>RARH2</t>
  </si>
  <si>
    <t>CLASSE 1 - RARH2</t>
  </si>
  <si>
    <t>-</t>
  </si>
  <si>
    <t>CLASSE 2 - RARH2</t>
  </si>
  <si>
    <t>CLASSE 3 - RARH2</t>
  </si>
  <si>
    <t>AUXILIAR</t>
  </si>
  <si>
    <t>PACS</t>
  </si>
  <si>
    <t>PACS OU SEM CLASSE</t>
  </si>
  <si>
    <t>TECNIC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##0"/>
  </numFmts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2F2F2"/>
        <bgColor indexed="64"/>
      </patternFill>
    </fill>
  </fills>
  <borders count="2">
    <border>
      <left/>
      <right/>
      <top/>
      <bottom/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</borders>
  <cellStyleXfs count="1">
    <xf numFmtId="0" fontId="0" fillId="0" borderId="0"/>
  </cellStyleXfs>
  <cellXfs count="4">
    <xf numFmtId="0" fontId="0" fillId="0" borderId="0" xfId="0"/>
    <xf numFmtId="164" fontId="0" fillId="0" borderId="0" xfId="0" applyNumberFormat="1"/>
    <xf numFmtId="0" fontId="1" fillId="2" borderId="1" xfId="0" applyFont="1" applyFill="1" applyBorder="1"/>
    <xf numFmtId="0" fontId="0" fillId="0" borderId="0" xfId="0"/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Q20"/>
  <sheetViews>
    <sheetView workbookViewId="0"/>
  </sheetViews>
  <sheetFormatPr defaultRowHeight="15" x14ac:dyDescent="0.25"/>
  <cols>
    <col min="1" max="5" width="15.7109375" customWidth="1"/>
    <col min="6" max="6" width="15.7109375" style="1" customWidth="1"/>
  </cols>
  <sheetData>
    <row r="1" spans="1:17" x14ac:dyDescent="0.25">
      <c r="A1" s="2" t="s">
        <v>0</v>
      </c>
      <c r="B1" s="2" t="s">
        <v>1</v>
      </c>
      <c r="C1" s="2" t="s">
        <v>2</v>
      </c>
      <c r="D1" s="2" t="s">
        <v>3</v>
      </c>
      <c r="E1" s="2" t="s">
        <v>4</v>
      </c>
      <c r="F1" s="1" t="s">
        <v>5</v>
      </c>
      <c r="G1" t="s">
        <v>6</v>
      </c>
      <c r="H1" t="s">
        <v>7</v>
      </c>
      <c r="I1" t="s">
        <v>8</v>
      </c>
      <c r="J1" t="s">
        <v>9</v>
      </c>
      <c r="K1" t="s">
        <v>10</v>
      </c>
      <c r="L1" t="s">
        <v>11</v>
      </c>
      <c r="M1" t="s">
        <v>12</v>
      </c>
      <c r="N1" t="s">
        <v>13</v>
      </c>
      <c r="O1" t="s">
        <v>14</v>
      </c>
      <c r="P1" t="s">
        <v>15</v>
      </c>
      <c r="Q1" t="s">
        <v>16</v>
      </c>
    </row>
    <row r="2" spans="1:17" x14ac:dyDescent="0.25">
      <c r="A2" s="3">
        <v>202302</v>
      </c>
      <c r="B2" t="s">
        <v>17</v>
      </c>
      <c r="D2" s="3"/>
      <c r="E2" s="3"/>
      <c r="F2" s="1">
        <v>567</v>
      </c>
      <c r="G2" s="1">
        <v>249</v>
      </c>
      <c r="H2" s="1">
        <v>836</v>
      </c>
      <c r="I2" s="1">
        <v>491</v>
      </c>
      <c r="J2" s="1">
        <v>477</v>
      </c>
      <c r="K2" s="1">
        <v>188</v>
      </c>
      <c r="L2" s="1">
        <v>402</v>
      </c>
      <c r="M2" s="1">
        <v>627</v>
      </c>
      <c r="N2" s="1">
        <v>1172</v>
      </c>
      <c r="O2" s="1">
        <v>439</v>
      </c>
      <c r="P2" s="1">
        <v>957</v>
      </c>
      <c r="Q2" s="1">
        <v>1143</v>
      </c>
    </row>
    <row r="3" spans="1:17" x14ac:dyDescent="0.25">
      <c r="A3" s="3">
        <v>202302</v>
      </c>
      <c r="B3" s="3" t="s">
        <v>18</v>
      </c>
      <c r="C3" s="3" t="s">
        <v>19</v>
      </c>
      <c r="D3" s="3" t="s">
        <v>20</v>
      </c>
      <c r="E3" s="3"/>
      <c r="F3" s="1">
        <v>135</v>
      </c>
      <c r="G3" s="1">
        <v>47</v>
      </c>
      <c r="H3" s="1">
        <v>160</v>
      </c>
      <c r="I3" s="1">
        <v>161</v>
      </c>
      <c r="J3" s="1">
        <v>122</v>
      </c>
      <c r="K3" s="1">
        <v>55</v>
      </c>
      <c r="L3" s="1">
        <v>93</v>
      </c>
      <c r="M3" s="1">
        <v>96</v>
      </c>
      <c r="N3" s="1">
        <v>214</v>
      </c>
      <c r="O3" s="1">
        <v>105</v>
      </c>
      <c r="P3" s="1">
        <v>264</v>
      </c>
      <c r="Q3" s="1">
        <v>196</v>
      </c>
    </row>
    <row r="4" spans="1:17" x14ac:dyDescent="0.25">
      <c r="A4" s="3">
        <v>202302</v>
      </c>
      <c r="B4" s="3" t="s">
        <v>18</v>
      </c>
      <c r="C4" s="3" t="s">
        <v>19</v>
      </c>
      <c r="D4" s="3" t="s">
        <v>21</v>
      </c>
      <c r="E4" s="3"/>
      <c r="F4" s="1">
        <v>113</v>
      </c>
      <c r="G4" s="1">
        <v>25</v>
      </c>
      <c r="H4" s="1">
        <v>119</v>
      </c>
      <c r="I4" s="1">
        <v>102</v>
      </c>
      <c r="J4" s="1">
        <v>96</v>
      </c>
      <c r="K4" s="1">
        <v>39</v>
      </c>
      <c r="L4" s="1">
        <v>61</v>
      </c>
      <c r="M4" s="1">
        <v>111</v>
      </c>
      <c r="N4" s="1">
        <v>167</v>
      </c>
      <c r="O4" s="1">
        <v>80</v>
      </c>
      <c r="P4" s="1">
        <v>278</v>
      </c>
      <c r="Q4" s="1">
        <v>149</v>
      </c>
    </row>
    <row r="5" spans="1:17" x14ac:dyDescent="0.25">
      <c r="A5" s="3">
        <v>202302</v>
      </c>
      <c r="B5" s="3" t="s">
        <v>18</v>
      </c>
      <c r="C5" s="3" t="s">
        <v>19</v>
      </c>
      <c r="D5" s="3" t="s">
        <v>22</v>
      </c>
      <c r="E5" s="3"/>
      <c r="F5" s="1">
        <v>45</v>
      </c>
      <c r="G5" s="1">
        <v>12</v>
      </c>
      <c r="H5" s="1">
        <v>47</v>
      </c>
      <c r="I5" s="1">
        <v>27</v>
      </c>
      <c r="J5" s="1">
        <v>35</v>
      </c>
      <c r="K5" s="1">
        <v>13</v>
      </c>
      <c r="L5" s="1">
        <v>12</v>
      </c>
      <c r="M5" s="1">
        <v>35</v>
      </c>
      <c r="N5" s="1">
        <v>77</v>
      </c>
      <c r="O5" s="1">
        <v>11</v>
      </c>
      <c r="P5" s="1">
        <v>153</v>
      </c>
      <c r="Q5" s="1">
        <v>57</v>
      </c>
    </row>
    <row r="6" spans="1:17" x14ac:dyDescent="0.25">
      <c r="A6" s="3">
        <v>202302</v>
      </c>
      <c r="B6" s="3" t="s">
        <v>18</v>
      </c>
      <c r="C6" s="3" t="s">
        <v>23</v>
      </c>
      <c r="D6" s="3" t="s">
        <v>24</v>
      </c>
      <c r="E6" s="3"/>
      <c r="F6" s="1" t="s">
        <v>25</v>
      </c>
      <c r="G6" s="1" t="s">
        <v>25</v>
      </c>
      <c r="H6" s="1">
        <v>4</v>
      </c>
      <c r="I6" s="1">
        <v>1</v>
      </c>
      <c r="J6" s="1" t="s">
        <v>25</v>
      </c>
      <c r="K6" s="1" t="s">
        <v>25</v>
      </c>
      <c r="L6" s="1" t="s">
        <v>25</v>
      </c>
      <c r="M6" s="1">
        <v>3</v>
      </c>
      <c r="N6" s="1">
        <v>4</v>
      </c>
      <c r="O6" s="1">
        <v>1</v>
      </c>
      <c r="P6" s="1">
        <v>3</v>
      </c>
      <c r="Q6" s="1">
        <v>3</v>
      </c>
    </row>
    <row r="7" spans="1:17" x14ac:dyDescent="0.25">
      <c r="A7" s="3">
        <v>202302</v>
      </c>
      <c r="B7" s="3" t="s">
        <v>18</v>
      </c>
      <c r="C7" s="3" t="s">
        <v>23</v>
      </c>
      <c r="D7" s="3" t="s">
        <v>26</v>
      </c>
      <c r="E7" s="3"/>
      <c r="F7" s="1">
        <v>4</v>
      </c>
      <c r="G7" s="1" t="s">
        <v>25</v>
      </c>
      <c r="H7" s="1">
        <v>6</v>
      </c>
      <c r="I7" s="1" t="s">
        <v>25</v>
      </c>
      <c r="J7" s="1">
        <v>1</v>
      </c>
      <c r="K7" s="1" t="s">
        <v>25</v>
      </c>
      <c r="L7" s="1">
        <v>1</v>
      </c>
      <c r="M7" s="1">
        <v>1</v>
      </c>
      <c r="N7" s="1">
        <v>21</v>
      </c>
      <c r="O7" s="1">
        <v>2</v>
      </c>
      <c r="P7" s="1">
        <v>15</v>
      </c>
      <c r="Q7" s="1">
        <v>9</v>
      </c>
    </row>
    <row r="8" spans="1:17" x14ac:dyDescent="0.25">
      <c r="A8" s="3">
        <v>202302</v>
      </c>
      <c r="B8" s="3" t="s">
        <v>18</v>
      </c>
      <c r="C8" s="3" t="s">
        <v>23</v>
      </c>
      <c r="D8" s="3" t="s">
        <v>27</v>
      </c>
      <c r="E8" s="3"/>
      <c r="F8" s="1" t="s">
        <v>25</v>
      </c>
      <c r="G8" s="1">
        <v>1</v>
      </c>
      <c r="H8" s="1">
        <v>2</v>
      </c>
      <c r="I8" s="1">
        <v>1</v>
      </c>
      <c r="J8" s="1">
        <v>5</v>
      </c>
      <c r="K8" s="1" t="s">
        <v>25</v>
      </c>
      <c r="L8" s="1">
        <v>1</v>
      </c>
      <c r="M8" s="1">
        <v>2</v>
      </c>
      <c r="N8" s="1">
        <v>10</v>
      </c>
      <c r="O8" s="1" t="s">
        <v>25</v>
      </c>
      <c r="P8" s="1">
        <v>4</v>
      </c>
      <c r="Q8" s="1">
        <v>5</v>
      </c>
    </row>
    <row r="9" spans="1:17" x14ac:dyDescent="0.25">
      <c r="A9" s="3">
        <v>202302</v>
      </c>
      <c r="B9" s="3" t="s">
        <v>28</v>
      </c>
      <c r="C9" t="s">
        <v>29</v>
      </c>
      <c r="D9" s="3" t="s">
        <v>30</v>
      </c>
      <c r="E9" s="3"/>
      <c r="F9" s="1" t="s">
        <v>25</v>
      </c>
      <c r="G9" s="1" t="s">
        <v>25</v>
      </c>
      <c r="H9" s="1" t="s">
        <v>25</v>
      </c>
      <c r="I9" s="1" t="s">
        <v>25</v>
      </c>
      <c r="J9" s="1" t="s">
        <v>25</v>
      </c>
      <c r="K9" s="1" t="s">
        <v>25</v>
      </c>
      <c r="L9" s="1" t="s">
        <v>25</v>
      </c>
      <c r="M9" s="1">
        <v>1</v>
      </c>
      <c r="N9" s="1">
        <v>4</v>
      </c>
      <c r="O9" s="1" t="s">
        <v>25</v>
      </c>
      <c r="P9" s="1" t="s">
        <v>25</v>
      </c>
      <c r="Q9" s="1" t="s">
        <v>25</v>
      </c>
    </row>
    <row r="10" spans="1:17" x14ac:dyDescent="0.25">
      <c r="A10" s="3">
        <v>202302</v>
      </c>
      <c r="B10" s="3" t="s">
        <v>28</v>
      </c>
      <c r="C10" s="3" t="s">
        <v>19</v>
      </c>
      <c r="D10" s="3" t="s">
        <v>20</v>
      </c>
      <c r="E10" s="3"/>
      <c r="F10" s="1">
        <v>21</v>
      </c>
      <c r="G10" s="1">
        <v>19</v>
      </c>
      <c r="H10" s="1">
        <v>30</v>
      </c>
      <c r="I10" s="1">
        <v>22</v>
      </c>
      <c r="J10" s="1">
        <v>9</v>
      </c>
      <c r="K10" s="1">
        <v>11</v>
      </c>
      <c r="L10" s="1">
        <v>12</v>
      </c>
      <c r="M10" s="1">
        <v>19</v>
      </c>
      <c r="N10" s="1">
        <v>25</v>
      </c>
      <c r="O10" s="1">
        <v>8</v>
      </c>
      <c r="P10" s="1">
        <v>22</v>
      </c>
      <c r="Q10" s="1">
        <v>64</v>
      </c>
    </row>
    <row r="11" spans="1:17" x14ac:dyDescent="0.25">
      <c r="A11" s="3">
        <v>202302</v>
      </c>
      <c r="B11" s="3" t="s">
        <v>28</v>
      </c>
      <c r="C11" s="3" t="s">
        <v>19</v>
      </c>
      <c r="D11" s="3" t="s">
        <v>21</v>
      </c>
      <c r="E11" s="3"/>
      <c r="F11" s="1">
        <v>33</v>
      </c>
      <c r="G11" s="1">
        <v>6</v>
      </c>
      <c r="H11" s="1">
        <v>14</v>
      </c>
      <c r="I11" s="1">
        <v>20</v>
      </c>
      <c r="J11" s="1">
        <v>23</v>
      </c>
      <c r="K11" s="1">
        <v>5</v>
      </c>
      <c r="L11" s="1">
        <v>8</v>
      </c>
      <c r="M11" s="1">
        <v>28</v>
      </c>
      <c r="N11" s="1">
        <v>22</v>
      </c>
      <c r="O11" s="1">
        <v>18</v>
      </c>
      <c r="P11" s="1">
        <v>14</v>
      </c>
      <c r="Q11" s="1">
        <v>48</v>
      </c>
    </row>
    <row r="12" spans="1:17" x14ac:dyDescent="0.25">
      <c r="A12" s="3">
        <v>202302</v>
      </c>
      <c r="B12" s="3" t="s">
        <v>28</v>
      </c>
      <c r="C12" s="3" t="s">
        <v>19</v>
      </c>
      <c r="D12" s="3" t="s">
        <v>22</v>
      </c>
      <c r="E12" s="3"/>
      <c r="F12" s="1">
        <v>3</v>
      </c>
      <c r="G12" s="1">
        <v>3</v>
      </c>
      <c r="H12" s="1">
        <v>1</v>
      </c>
      <c r="I12" s="1">
        <v>4</v>
      </c>
      <c r="J12" s="1">
        <v>5</v>
      </c>
      <c r="K12" s="1" t="s">
        <v>25</v>
      </c>
      <c r="L12" s="1" t="s">
        <v>25</v>
      </c>
      <c r="M12" s="1">
        <v>5</v>
      </c>
      <c r="N12" s="1">
        <v>3</v>
      </c>
      <c r="O12" s="1">
        <v>1</v>
      </c>
      <c r="P12" s="1">
        <v>5</v>
      </c>
      <c r="Q12" s="1">
        <v>6</v>
      </c>
    </row>
    <row r="13" spans="1:17" x14ac:dyDescent="0.25">
      <c r="A13" s="3">
        <v>202302</v>
      </c>
      <c r="B13" s="3" t="s">
        <v>28</v>
      </c>
      <c r="C13" s="3" t="s">
        <v>23</v>
      </c>
      <c r="D13" s="3" t="s">
        <v>24</v>
      </c>
      <c r="E13" s="3"/>
      <c r="F13" s="1">
        <v>62</v>
      </c>
      <c r="G13" s="1">
        <v>46</v>
      </c>
      <c r="H13" s="1">
        <v>115</v>
      </c>
      <c r="I13" s="1">
        <v>43</v>
      </c>
      <c r="J13" s="1">
        <v>64</v>
      </c>
      <c r="K13" s="1">
        <v>31</v>
      </c>
      <c r="L13" s="1">
        <v>82</v>
      </c>
      <c r="M13" s="1">
        <v>144</v>
      </c>
      <c r="N13" s="1">
        <v>255</v>
      </c>
      <c r="O13" s="1">
        <v>73</v>
      </c>
      <c r="P13" s="1">
        <v>19</v>
      </c>
      <c r="Q13" s="1">
        <v>320</v>
      </c>
    </row>
    <row r="14" spans="1:17" x14ac:dyDescent="0.25">
      <c r="A14" s="3">
        <v>202302</v>
      </c>
      <c r="B14" s="3" t="s">
        <v>28</v>
      </c>
      <c r="C14" s="3" t="s">
        <v>23</v>
      </c>
      <c r="D14" s="3" t="s">
        <v>26</v>
      </c>
      <c r="E14" s="3"/>
      <c r="F14" s="1">
        <v>54</v>
      </c>
      <c r="G14" s="1">
        <v>40</v>
      </c>
      <c r="H14" s="1">
        <v>50</v>
      </c>
      <c r="I14" s="1">
        <v>42</v>
      </c>
      <c r="J14" s="1">
        <v>41</v>
      </c>
      <c r="K14" s="1">
        <v>6</v>
      </c>
      <c r="L14" s="1">
        <v>46</v>
      </c>
      <c r="M14" s="1">
        <v>93</v>
      </c>
      <c r="N14" s="1">
        <v>126</v>
      </c>
      <c r="O14" s="1">
        <v>74</v>
      </c>
      <c r="P14" s="1">
        <v>10</v>
      </c>
      <c r="Q14" s="1">
        <v>93</v>
      </c>
    </row>
    <row r="15" spans="1:17" x14ac:dyDescent="0.25">
      <c r="A15" s="3">
        <v>202302</v>
      </c>
      <c r="B15" s="3" t="s">
        <v>31</v>
      </c>
      <c r="C15" s="3" t="s">
        <v>19</v>
      </c>
      <c r="D15" s="3" t="s">
        <v>20</v>
      </c>
      <c r="E15" s="3"/>
      <c r="F15" s="1">
        <v>36</v>
      </c>
      <c r="G15" s="1">
        <v>20</v>
      </c>
      <c r="H15" s="1">
        <v>119</v>
      </c>
      <c r="I15" s="1">
        <v>26</v>
      </c>
      <c r="J15" s="1">
        <v>22</v>
      </c>
      <c r="K15" s="1">
        <v>9</v>
      </c>
      <c r="L15" s="1">
        <v>30</v>
      </c>
      <c r="M15" s="1">
        <v>29</v>
      </c>
      <c r="N15" s="1">
        <v>77</v>
      </c>
      <c r="O15" s="1">
        <v>18</v>
      </c>
      <c r="P15" s="1">
        <v>44</v>
      </c>
      <c r="Q15" s="1">
        <v>66</v>
      </c>
    </row>
    <row r="16" spans="1:17" x14ac:dyDescent="0.25">
      <c r="A16" s="3">
        <v>202302</v>
      </c>
      <c r="B16" s="3" t="s">
        <v>31</v>
      </c>
      <c r="C16" s="3" t="s">
        <v>19</v>
      </c>
      <c r="D16" s="3" t="s">
        <v>21</v>
      </c>
      <c r="E16" s="3"/>
      <c r="F16" s="1">
        <v>19</v>
      </c>
      <c r="G16" s="1">
        <v>10</v>
      </c>
      <c r="H16" s="1">
        <v>63</v>
      </c>
      <c r="I16" s="1">
        <v>14</v>
      </c>
      <c r="J16" s="1">
        <v>13</v>
      </c>
      <c r="K16" s="1">
        <v>6</v>
      </c>
      <c r="L16" s="1">
        <v>17</v>
      </c>
      <c r="M16" s="1">
        <v>16</v>
      </c>
      <c r="N16" s="1">
        <v>26</v>
      </c>
      <c r="O16" s="1">
        <v>15</v>
      </c>
      <c r="P16" s="1">
        <v>25</v>
      </c>
      <c r="Q16" s="1">
        <v>32</v>
      </c>
    </row>
    <row r="17" spans="1:17" x14ac:dyDescent="0.25">
      <c r="A17" s="3">
        <v>202302</v>
      </c>
      <c r="B17" s="3" t="s">
        <v>31</v>
      </c>
      <c r="C17" s="3" t="s">
        <v>19</v>
      </c>
      <c r="D17" s="3" t="s">
        <v>22</v>
      </c>
      <c r="E17" s="3"/>
      <c r="F17" s="1">
        <v>8</v>
      </c>
      <c r="G17" s="1">
        <v>1</v>
      </c>
      <c r="H17" s="1">
        <v>11</v>
      </c>
      <c r="I17" s="1">
        <v>3</v>
      </c>
      <c r="J17" s="1">
        <v>3</v>
      </c>
      <c r="K17" s="1">
        <v>1</v>
      </c>
      <c r="L17" s="1">
        <v>5</v>
      </c>
      <c r="M17" s="1">
        <v>5</v>
      </c>
      <c r="N17" s="1">
        <v>11</v>
      </c>
      <c r="O17" s="1">
        <v>1</v>
      </c>
      <c r="P17" s="1">
        <v>27</v>
      </c>
      <c r="Q17" s="1">
        <v>8</v>
      </c>
    </row>
    <row r="18" spans="1:17" x14ac:dyDescent="0.25">
      <c r="A18" s="3">
        <v>202302</v>
      </c>
      <c r="B18" s="3" t="s">
        <v>31</v>
      </c>
      <c r="C18" s="3" t="s">
        <v>23</v>
      </c>
      <c r="D18" s="3" t="s">
        <v>24</v>
      </c>
      <c r="E18" s="3"/>
      <c r="F18" s="1">
        <v>8</v>
      </c>
      <c r="G18" s="1">
        <v>6</v>
      </c>
      <c r="H18" s="1">
        <v>35</v>
      </c>
      <c r="I18" s="1">
        <v>5</v>
      </c>
      <c r="J18" s="1">
        <v>9</v>
      </c>
      <c r="K18" s="1">
        <v>2</v>
      </c>
      <c r="L18" s="1">
        <v>8</v>
      </c>
      <c r="M18" s="1">
        <v>12</v>
      </c>
      <c r="N18" s="1">
        <v>47</v>
      </c>
      <c r="O18" s="1">
        <v>8</v>
      </c>
      <c r="P18" s="1">
        <v>7</v>
      </c>
      <c r="Q18" s="1">
        <v>15</v>
      </c>
    </row>
    <row r="19" spans="1:17" x14ac:dyDescent="0.25">
      <c r="A19" s="3">
        <v>202302</v>
      </c>
      <c r="B19" s="3" t="s">
        <v>31</v>
      </c>
      <c r="C19" s="3" t="s">
        <v>23</v>
      </c>
      <c r="D19" s="3" t="s">
        <v>26</v>
      </c>
      <c r="E19" s="3"/>
      <c r="F19" s="1">
        <v>7</v>
      </c>
      <c r="G19" s="1">
        <v>9</v>
      </c>
      <c r="H19" s="1">
        <v>36</v>
      </c>
      <c r="I19" s="1">
        <v>8</v>
      </c>
      <c r="J19" s="1">
        <v>12</v>
      </c>
      <c r="K19" s="1">
        <v>2</v>
      </c>
      <c r="L19" s="1">
        <v>16</v>
      </c>
      <c r="M19" s="1">
        <v>20</v>
      </c>
      <c r="N19" s="1">
        <v>39</v>
      </c>
      <c r="O19" s="1">
        <v>13</v>
      </c>
      <c r="P19" s="1">
        <v>19</v>
      </c>
      <c r="Q19" s="1">
        <v>36</v>
      </c>
    </row>
    <row r="20" spans="1:17" x14ac:dyDescent="0.25">
      <c r="A20" s="3">
        <v>202302</v>
      </c>
      <c r="B20" s="3" t="s">
        <v>31</v>
      </c>
      <c r="C20" s="3" t="s">
        <v>23</v>
      </c>
      <c r="D20" s="3" t="s">
        <v>27</v>
      </c>
      <c r="E20" s="3"/>
      <c r="F20" s="1">
        <v>19</v>
      </c>
      <c r="G20" s="1">
        <v>4</v>
      </c>
      <c r="H20" s="1">
        <v>24</v>
      </c>
      <c r="I20" s="1">
        <v>12</v>
      </c>
      <c r="J20" s="1">
        <v>17</v>
      </c>
      <c r="K20" s="1">
        <v>8</v>
      </c>
      <c r="L20" s="1">
        <v>10</v>
      </c>
      <c r="M20" s="1">
        <v>7</v>
      </c>
      <c r="N20" s="1">
        <v>44</v>
      </c>
      <c r="O20" s="1">
        <v>11</v>
      </c>
      <c r="P20" s="1">
        <v>48</v>
      </c>
      <c r="Q20" s="1">
        <v>36</v>
      </c>
    </row>
  </sheetData>
  <mergeCells count="29">
    <mergeCell ref="D17:E17"/>
    <mergeCell ref="D18:E18"/>
    <mergeCell ref="D19:E19"/>
    <mergeCell ref="D20:E20"/>
    <mergeCell ref="D12:E12"/>
    <mergeCell ref="D13:E13"/>
    <mergeCell ref="D14:E14"/>
    <mergeCell ref="D15:E15"/>
    <mergeCell ref="D16:E16"/>
    <mergeCell ref="D7:E7"/>
    <mergeCell ref="D8:E8"/>
    <mergeCell ref="D9:E9"/>
    <mergeCell ref="D10:E10"/>
    <mergeCell ref="D11:E11"/>
    <mergeCell ref="D2:E2"/>
    <mergeCell ref="D3:E3"/>
    <mergeCell ref="D4:E4"/>
    <mergeCell ref="D5:E5"/>
    <mergeCell ref="D6:E6"/>
    <mergeCell ref="A2:A20"/>
    <mergeCell ref="B3:B8"/>
    <mergeCell ref="B9:B14"/>
    <mergeCell ref="B15:B20"/>
    <mergeCell ref="C3:C5"/>
    <mergeCell ref="C6:C8"/>
    <mergeCell ref="C10:C12"/>
    <mergeCell ref="C13:C14"/>
    <mergeCell ref="C15:C17"/>
    <mergeCell ref="C18:C20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B26CB13-E451-47A6-9638-1C6C1F52CC5B}">
  <dimension ref="A1:P9"/>
  <sheetViews>
    <sheetView tabSelected="1" workbookViewId="0">
      <selection activeCell="D18" sqref="D18"/>
    </sheetView>
  </sheetViews>
  <sheetFormatPr defaultRowHeight="15" x14ac:dyDescent="0.25"/>
  <cols>
    <col min="1" max="4" width="15.7109375" customWidth="1"/>
    <col min="5" max="5" width="15.7109375" style="1" customWidth="1"/>
  </cols>
  <sheetData>
    <row r="1" spans="1:16" x14ac:dyDescent="0.25">
      <c r="A1" s="2" t="s">
        <v>0</v>
      </c>
      <c r="B1" s="2" t="s">
        <v>1</v>
      </c>
      <c r="C1" s="2" t="s">
        <v>2</v>
      </c>
      <c r="D1" s="2" t="s">
        <v>4</v>
      </c>
      <c r="E1" s="1" t="s">
        <v>5</v>
      </c>
      <c r="F1" t="s">
        <v>6</v>
      </c>
      <c r="G1" t="s">
        <v>7</v>
      </c>
      <c r="H1" t="s">
        <v>8</v>
      </c>
      <c r="I1" t="s">
        <v>9</v>
      </c>
      <c r="J1" t="s">
        <v>10</v>
      </c>
      <c r="K1" t="s">
        <v>11</v>
      </c>
      <c r="L1" t="s">
        <v>12</v>
      </c>
      <c r="M1" t="s">
        <v>13</v>
      </c>
      <c r="N1" t="s">
        <v>14</v>
      </c>
      <c r="O1" t="s">
        <v>15</v>
      </c>
      <c r="P1" t="s">
        <v>16</v>
      </c>
    </row>
    <row r="2" spans="1:16" x14ac:dyDescent="0.25">
      <c r="A2" s="3">
        <v>202302</v>
      </c>
      <c r="B2" t="s">
        <v>17</v>
      </c>
      <c r="C2" s="3"/>
      <c r="D2" s="3"/>
      <c r="E2" s="1">
        <v>567</v>
      </c>
      <c r="F2" s="1">
        <v>249</v>
      </c>
      <c r="G2" s="1">
        <v>836</v>
      </c>
      <c r="H2" s="1">
        <v>491</v>
      </c>
      <c r="I2" s="1">
        <v>477</v>
      </c>
      <c r="J2" s="1">
        <v>188</v>
      </c>
      <c r="K2" s="1">
        <v>402</v>
      </c>
      <c r="L2" s="1">
        <v>627</v>
      </c>
      <c r="M2" s="1">
        <v>1172</v>
      </c>
      <c r="N2" s="1">
        <v>439</v>
      </c>
      <c r="O2" s="1">
        <v>957</v>
      </c>
      <c r="P2" s="1">
        <v>1143</v>
      </c>
    </row>
    <row r="3" spans="1:16" x14ac:dyDescent="0.25">
      <c r="A3" s="3">
        <v>202302</v>
      </c>
      <c r="B3" s="3" t="s">
        <v>18</v>
      </c>
      <c r="C3" s="3" t="s">
        <v>19</v>
      </c>
      <c r="D3" s="3"/>
      <c r="E3" s="1">
        <v>293</v>
      </c>
      <c r="F3" s="1">
        <v>84</v>
      </c>
      <c r="G3" s="1">
        <v>326</v>
      </c>
      <c r="H3" s="1">
        <v>290</v>
      </c>
      <c r="I3" s="1">
        <v>253</v>
      </c>
      <c r="J3" s="1">
        <v>107</v>
      </c>
      <c r="K3" s="1">
        <v>166</v>
      </c>
      <c r="L3" s="1">
        <v>242</v>
      </c>
      <c r="M3" s="1">
        <v>458</v>
      </c>
      <c r="N3" s="1">
        <v>196</v>
      </c>
      <c r="O3" s="1">
        <v>695</v>
      </c>
      <c r="P3" s="1">
        <v>402</v>
      </c>
    </row>
    <row r="4" spans="1:16" x14ac:dyDescent="0.25">
      <c r="A4" s="3">
        <v>202302</v>
      </c>
      <c r="B4" s="3" t="s">
        <v>18</v>
      </c>
      <c r="C4" s="3" t="s">
        <v>23</v>
      </c>
      <c r="D4" s="3"/>
      <c r="E4" s="1">
        <v>4</v>
      </c>
      <c r="F4" s="1">
        <v>1</v>
      </c>
      <c r="G4" s="1">
        <v>12</v>
      </c>
      <c r="H4" s="1">
        <v>2</v>
      </c>
      <c r="I4" s="1">
        <v>6</v>
      </c>
      <c r="J4" s="1" t="s">
        <v>25</v>
      </c>
      <c r="K4" s="1">
        <v>2</v>
      </c>
      <c r="L4" s="1">
        <v>6</v>
      </c>
      <c r="M4" s="1">
        <v>35</v>
      </c>
      <c r="N4" s="1">
        <v>3</v>
      </c>
      <c r="O4" s="1">
        <v>22</v>
      </c>
      <c r="P4" s="1">
        <v>17</v>
      </c>
    </row>
    <row r="5" spans="1:16" x14ac:dyDescent="0.25">
      <c r="A5" s="3">
        <v>202302</v>
      </c>
      <c r="B5" s="3" t="s">
        <v>28</v>
      </c>
      <c r="C5" s="3" t="s">
        <v>29</v>
      </c>
      <c r="D5" s="3"/>
      <c r="E5" s="1" t="s">
        <v>25</v>
      </c>
      <c r="F5" s="1" t="s">
        <v>25</v>
      </c>
      <c r="G5" s="1" t="s">
        <v>25</v>
      </c>
      <c r="H5" s="1" t="s">
        <v>25</v>
      </c>
      <c r="I5" s="1" t="s">
        <v>25</v>
      </c>
      <c r="J5" s="1" t="s">
        <v>25</v>
      </c>
      <c r="K5" s="1" t="s">
        <v>25</v>
      </c>
      <c r="L5" s="1">
        <v>1</v>
      </c>
      <c r="M5" s="1">
        <v>4</v>
      </c>
      <c r="N5" s="1" t="s">
        <v>25</v>
      </c>
      <c r="O5" s="1" t="s">
        <v>25</v>
      </c>
      <c r="P5" s="1" t="s">
        <v>25</v>
      </c>
    </row>
    <row r="6" spans="1:16" x14ac:dyDescent="0.25">
      <c r="A6" s="3">
        <v>202302</v>
      </c>
      <c r="B6" s="3" t="s">
        <v>28</v>
      </c>
      <c r="C6" s="3" t="s">
        <v>19</v>
      </c>
      <c r="D6" s="3"/>
      <c r="E6" s="1">
        <v>57</v>
      </c>
      <c r="F6" s="1">
        <v>28</v>
      </c>
      <c r="G6" s="1">
        <v>45</v>
      </c>
      <c r="H6" s="1">
        <v>46</v>
      </c>
      <c r="I6" s="1">
        <v>37</v>
      </c>
      <c r="J6" s="1">
        <v>16</v>
      </c>
      <c r="K6" s="1">
        <v>20</v>
      </c>
      <c r="L6" s="1">
        <v>52</v>
      </c>
      <c r="M6" s="1">
        <v>50</v>
      </c>
      <c r="N6" s="1">
        <v>27</v>
      </c>
      <c r="O6" s="1">
        <v>41</v>
      </c>
      <c r="P6" s="1">
        <v>118</v>
      </c>
    </row>
    <row r="7" spans="1:16" x14ac:dyDescent="0.25">
      <c r="A7" s="3">
        <v>202302</v>
      </c>
      <c r="B7" s="3" t="s">
        <v>28</v>
      </c>
      <c r="C7" s="3" t="s">
        <v>23</v>
      </c>
      <c r="D7" s="3"/>
      <c r="E7" s="1">
        <v>116</v>
      </c>
      <c r="F7" s="1">
        <v>86</v>
      </c>
      <c r="G7" s="1">
        <v>165</v>
      </c>
      <c r="H7" s="1">
        <v>85</v>
      </c>
      <c r="I7" s="1">
        <v>105</v>
      </c>
      <c r="J7" s="1">
        <v>37</v>
      </c>
      <c r="K7" s="1">
        <v>128</v>
      </c>
      <c r="L7" s="1">
        <v>237</v>
      </c>
      <c r="M7" s="1">
        <v>381</v>
      </c>
      <c r="N7" s="1">
        <v>147</v>
      </c>
      <c r="O7" s="1">
        <v>29</v>
      </c>
      <c r="P7" s="1">
        <v>413</v>
      </c>
    </row>
    <row r="8" spans="1:16" x14ac:dyDescent="0.25">
      <c r="A8" s="3">
        <v>202302</v>
      </c>
      <c r="B8" s="3" t="s">
        <v>31</v>
      </c>
      <c r="C8" s="3" t="s">
        <v>19</v>
      </c>
      <c r="D8" s="3"/>
      <c r="E8" s="1">
        <v>63</v>
      </c>
      <c r="F8" s="1">
        <v>31</v>
      </c>
      <c r="G8" s="1">
        <v>193</v>
      </c>
      <c r="H8" s="1">
        <v>43</v>
      </c>
      <c r="I8" s="1">
        <v>38</v>
      </c>
      <c r="J8" s="1">
        <v>16</v>
      </c>
      <c r="K8" s="1">
        <v>52</v>
      </c>
      <c r="L8" s="1">
        <v>50</v>
      </c>
      <c r="M8" s="1">
        <v>114</v>
      </c>
      <c r="N8" s="1">
        <v>34</v>
      </c>
      <c r="O8" s="1">
        <v>96</v>
      </c>
      <c r="P8" s="1">
        <v>106</v>
      </c>
    </row>
    <row r="9" spans="1:16" x14ac:dyDescent="0.25">
      <c r="A9" s="3">
        <v>202302</v>
      </c>
      <c r="B9" s="3" t="s">
        <v>31</v>
      </c>
      <c r="C9" s="3" t="s">
        <v>23</v>
      </c>
      <c r="D9" s="3"/>
      <c r="E9" s="1">
        <v>34</v>
      </c>
      <c r="F9" s="1">
        <v>19</v>
      </c>
      <c r="G9" s="1">
        <v>95</v>
      </c>
      <c r="H9" s="1">
        <v>25</v>
      </c>
      <c r="I9" s="1">
        <v>38</v>
      </c>
      <c r="J9" s="1">
        <v>12</v>
      </c>
      <c r="K9" s="1">
        <v>34</v>
      </c>
      <c r="L9" s="1">
        <v>39</v>
      </c>
      <c r="M9" s="1">
        <v>130</v>
      </c>
      <c r="N9" s="1">
        <v>32</v>
      </c>
      <c r="O9" s="1">
        <v>74</v>
      </c>
      <c r="P9" s="1">
        <v>87</v>
      </c>
    </row>
  </sheetData>
  <mergeCells count="12">
    <mergeCell ref="C8:D8"/>
    <mergeCell ref="C9:D9"/>
    <mergeCell ref="A2:A9"/>
    <mergeCell ref="C2:D2"/>
    <mergeCell ref="B3:B4"/>
    <mergeCell ref="C3:D3"/>
    <mergeCell ref="C4:D4"/>
    <mergeCell ref="B5:B7"/>
    <mergeCell ref="C5:D5"/>
    <mergeCell ref="C6:D6"/>
    <mergeCell ref="C7:D7"/>
    <mergeCell ref="B8:B9"/>
  </mergeCells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2</vt:i4>
      </vt:variant>
    </vt:vector>
  </HeadingPairs>
  <TitlesOfParts>
    <vt:vector size="2" baseType="lpstr">
      <vt:lpstr>fev2023_cargo_classe_regional</vt:lpstr>
      <vt:lpstr>fev2023_cargo_plano_regional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Joana Darc Nobre da Silva</cp:lastModifiedBy>
  <dcterms:created xsi:type="dcterms:W3CDTF">2023-06-01T15:37:31Z</dcterms:created>
  <dcterms:modified xsi:type="dcterms:W3CDTF">2023-06-01T18:37:55Z</dcterms:modified>
</cp:coreProperties>
</file>